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updateLinks="never"/>
  <mc:AlternateContent xmlns:mc="http://schemas.openxmlformats.org/markup-compatibility/2006">
    <mc:Choice Requires="x15">
      <x15ac:absPath xmlns:x15ac="http://schemas.microsoft.com/office/spreadsheetml/2010/11/ac" url="\\kfs01\s1321\group\01_調整グループ\02_バリアフリーの街づくり\0007_施行施策\08_ユニバーサルシートの設置促進\00_設置場所一覧（HP）\260209更新\"/>
    </mc:Choice>
  </mc:AlternateContent>
  <xr:revisionPtr revIDLastSave="0" documentId="13_ncr:1_{92FEEEEA-009B-4A72-A82E-09C436FBD2E3}" xr6:coauthVersionLast="47" xr6:coauthVersionMax="47" xr10:uidLastSave="{00000000-0000-0000-0000-000000000000}"/>
  <bookViews>
    <workbookView xWindow="-108" yWindow="-108" windowWidth="23256" windowHeight="13896" xr2:uid="{00000000-000D-0000-FFFF-FFFF00000000}"/>
  </bookViews>
  <sheets>
    <sheet name="川崎地域" sheetId="22" r:id="rId1"/>
  </sheets>
  <definedNames>
    <definedName name="_xlnm._FilterDatabase" localSheetId="0" hidden="1">川崎地域!$A$3:$H$34</definedName>
    <definedName name="_xlnm.Print_Area" localSheetId="0">川崎地域!$A$1:$H$36</definedName>
    <definedName name="_xlnm.Print_Titles" localSheetId="0">川崎地域!$B:$H,川崎地域!$1:$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11" uniqueCount="141">
  <si>
    <t>施設名称</t>
    <rPh sb="0" eb="2">
      <t>シセツ</t>
    </rPh>
    <rPh sb="2" eb="4">
      <t>メイショウ</t>
    </rPh>
    <phoneticPr fontId="3"/>
  </si>
  <si>
    <t>施設住所</t>
    <rPh sb="0" eb="2">
      <t>シセツ</t>
    </rPh>
    <rPh sb="2" eb="4">
      <t>ジュウショ</t>
    </rPh>
    <phoneticPr fontId="2"/>
  </si>
  <si>
    <t>備考</t>
    <rPh sb="0" eb="2">
      <t>ビコウ</t>
    </rPh>
    <phoneticPr fontId="2"/>
  </si>
  <si>
    <t>×</t>
  </si>
  <si>
    <t>○</t>
  </si>
  <si>
    <t>幸警察署</t>
    <rPh sb="0" eb="4">
      <t>サイワイケイサツショ</t>
    </rPh>
    <phoneticPr fontId="2"/>
  </si>
  <si>
    <t>中原警察署</t>
    <rPh sb="0" eb="5">
      <t>ナカハラケイサツショ</t>
    </rPh>
    <phoneticPr fontId="2"/>
  </si>
  <si>
    <t>平日8:30～17:15</t>
    <rPh sb="0" eb="2">
      <t>ヘイジツ</t>
    </rPh>
    <phoneticPr fontId="2"/>
  </si>
  <si>
    <t>多目的トイレ</t>
    <rPh sb="0" eb="3">
      <t>タモクテキ</t>
    </rPh>
    <phoneticPr fontId="2"/>
  </si>
  <si>
    <t>かわさき健康づくりセンター</t>
    <rPh sb="4" eb="6">
      <t>ケンコウ</t>
    </rPh>
    <phoneticPr fontId="2"/>
  </si>
  <si>
    <t>川崎市総合リハビリテーション推進センター</t>
    <rPh sb="0" eb="3">
      <t>カワサキシ</t>
    </rPh>
    <rPh sb="3" eb="5">
      <t>ソウゴウ</t>
    </rPh>
    <rPh sb="14" eb="16">
      <t>スイシン</t>
    </rPh>
    <phoneticPr fontId="2"/>
  </si>
  <si>
    <t>２階</t>
    <rPh sb="1" eb="2">
      <t>カイ</t>
    </rPh>
    <phoneticPr fontId="2"/>
  </si>
  <si>
    <t>幸区役所</t>
  </si>
  <si>
    <t>カルッツかわさき（川崎市スポーツ・文化総合センター）</t>
    <phoneticPr fontId="2"/>
  </si>
  <si>
    <t>１階総合受付</t>
    <phoneticPr fontId="2"/>
  </si>
  <si>
    <t>中原区役所別館</t>
    <rPh sb="0" eb="5">
      <t>ナカハラクヤクショ</t>
    </rPh>
    <rPh sb="5" eb="7">
      <t>ベッカン</t>
    </rPh>
    <phoneticPr fontId="2"/>
  </si>
  <si>
    <t>川崎市中原区小杉町3-245</t>
    <rPh sb="0" eb="3">
      <t>カワサキシ</t>
    </rPh>
    <phoneticPr fontId="2"/>
  </si>
  <si>
    <t>中原区役所別館１階多目的トイレ</t>
    <rPh sb="0" eb="5">
      <t>ナカハラクヤクショ</t>
    </rPh>
    <rPh sb="5" eb="7">
      <t>ベッカン</t>
    </rPh>
    <rPh sb="8" eb="9">
      <t>カイ</t>
    </rPh>
    <rPh sb="9" eb="12">
      <t>タモクテキ</t>
    </rPh>
    <phoneticPr fontId="2"/>
  </si>
  <si>
    <t>川崎市岡本太郎美術館</t>
    <rPh sb="0" eb="3">
      <t>カワサキシ</t>
    </rPh>
    <rPh sb="3" eb="5">
      <t>オカモト</t>
    </rPh>
    <rPh sb="5" eb="7">
      <t>タロウ</t>
    </rPh>
    <rPh sb="7" eb="10">
      <t>ビジュツカン</t>
    </rPh>
    <phoneticPr fontId="2"/>
  </si>
  <si>
    <t>エントランス多目的トイレ</t>
    <rPh sb="6" eb="9">
      <t>タモクテキ</t>
    </rPh>
    <phoneticPr fontId="2"/>
  </si>
  <si>
    <t>9:30～17:00
（月曜日・祝日の翌日・臨時休館日を除く）</t>
    <rPh sb="12" eb="13">
      <t>ゲツ</t>
    </rPh>
    <rPh sb="13" eb="15">
      <t>ヨウビ</t>
    </rPh>
    <rPh sb="16" eb="18">
      <t>シュクジツ</t>
    </rPh>
    <rPh sb="19" eb="21">
      <t>ヨクジツ</t>
    </rPh>
    <rPh sb="22" eb="24">
      <t>リンジ</t>
    </rPh>
    <rPh sb="24" eb="27">
      <t>キュウカンビ</t>
    </rPh>
    <rPh sb="28" eb="29">
      <t>ノゾ</t>
    </rPh>
    <phoneticPr fontId="2"/>
  </si>
  <si>
    <t>多摩スポーツセンター</t>
    <rPh sb="0" eb="2">
      <t>タマ</t>
    </rPh>
    <phoneticPr fontId="2"/>
  </si>
  <si>
    <t>川崎市多摩区菅北浦4-12-5</t>
    <rPh sb="0" eb="3">
      <t>カワサキシ</t>
    </rPh>
    <rPh sb="3" eb="5">
      <t>タマ</t>
    </rPh>
    <rPh sb="5" eb="6">
      <t>ク</t>
    </rPh>
    <rPh sb="6" eb="9">
      <t>スゲキタウラ</t>
    </rPh>
    <phoneticPr fontId="2"/>
  </si>
  <si>
    <t>１階大体育室横、１階温水プール横</t>
    <phoneticPr fontId="2"/>
  </si>
  <si>
    <t>川崎市民プラザ</t>
    <rPh sb="0" eb="2">
      <t>カワサキ</t>
    </rPh>
    <rPh sb="2" eb="4">
      <t>シミン</t>
    </rPh>
    <phoneticPr fontId="2"/>
  </si>
  <si>
    <t>川崎市民プラザ
1階ユニバーサルトイレ内</t>
    <rPh sb="0" eb="2">
      <t>カワサキ</t>
    </rPh>
    <rPh sb="2" eb="4">
      <t>シミン</t>
    </rPh>
    <rPh sb="9" eb="10">
      <t>カイ</t>
    </rPh>
    <rPh sb="19" eb="20">
      <t>ナイ</t>
    </rPh>
    <phoneticPr fontId="2"/>
  </si>
  <si>
    <t>川崎シンフォニーホール</t>
  </si>
  <si>
    <t>ミューザ川崎シンフォニーホール事務室（5F）横</t>
  </si>
  <si>
    <t>9:00～22:00
年末年始を除く
 （12/29〜1/3）</t>
  </si>
  <si>
    <t>川崎市青少年科学館</t>
    <rPh sb="0" eb="9">
      <t>カワサキシセイショウネンカガクカン</t>
    </rPh>
    <phoneticPr fontId="2"/>
  </si>
  <si>
    <t>１階多機能トイレ内</t>
    <rPh sb="1" eb="2">
      <t>カイ</t>
    </rPh>
    <rPh sb="2" eb="5">
      <t>タキノウ</t>
    </rPh>
    <rPh sb="8" eb="9">
      <t>ナイ</t>
    </rPh>
    <phoneticPr fontId="2"/>
  </si>
  <si>
    <t>多摩市民館（多摩区総合庁舎内）</t>
    <rPh sb="0" eb="5">
      <t>タマシミンカン</t>
    </rPh>
    <phoneticPr fontId="2"/>
  </si>
  <si>
    <t>川崎市多摩区登戸1775-1</t>
    <rPh sb="0" eb="3">
      <t>カワサキシ</t>
    </rPh>
    <rPh sb="3" eb="6">
      <t>タマク</t>
    </rPh>
    <rPh sb="6" eb="8">
      <t>ノボリト</t>
    </rPh>
    <phoneticPr fontId="2"/>
  </si>
  <si>
    <t>多摩市民館3階多機能トイレ内</t>
    <rPh sb="0" eb="2">
      <t>タマ</t>
    </rPh>
    <rPh sb="2" eb="5">
      <t>シミンカン</t>
    </rPh>
    <rPh sb="6" eb="7">
      <t>カイ</t>
    </rPh>
    <rPh sb="7" eb="10">
      <t>タキノウ</t>
    </rPh>
    <rPh sb="13" eb="14">
      <t>ナイ</t>
    </rPh>
    <phoneticPr fontId="2"/>
  </si>
  <si>
    <t>麻生市民館・麻生図書館</t>
    <rPh sb="6" eb="8">
      <t>アサオ</t>
    </rPh>
    <rPh sb="8" eb="11">
      <t>トショカン</t>
    </rPh>
    <phoneticPr fontId="2"/>
  </si>
  <si>
    <t>２階多目的トイレ</t>
    <rPh sb="1" eb="2">
      <t>カイ</t>
    </rPh>
    <rPh sb="2" eb="5">
      <t>タモクテキ</t>
    </rPh>
    <phoneticPr fontId="2"/>
  </si>
  <si>
    <t>図書館と同一建物</t>
    <rPh sb="0" eb="3">
      <t>トショカン</t>
    </rPh>
    <rPh sb="4" eb="6">
      <t>ドウイツ</t>
    </rPh>
    <rPh sb="6" eb="8">
      <t>タテモノ</t>
    </rPh>
    <phoneticPr fontId="2"/>
  </si>
  <si>
    <t>有馬野川生涯学習支援施設</t>
    <rPh sb="0" eb="2">
      <t>アリマ</t>
    </rPh>
    <rPh sb="2" eb="4">
      <t>ノガワ</t>
    </rPh>
    <rPh sb="4" eb="12">
      <t>ショウガイガクシュウシエンシセツ</t>
    </rPh>
    <phoneticPr fontId="2"/>
  </si>
  <si>
    <t>２階市民活動支援コーナー内</t>
    <rPh sb="1" eb="2">
      <t>カイ</t>
    </rPh>
    <rPh sb="2" eb="6">
      <t>シミンカツドウ</t>
    </rPh>
    <rPh sb="6" eb="8">
      <t>シエン</t>
    </rPh>
    <rPh sb="12" eb="13">
      <t>ナイ</t>
    </rPh>
    <phoneticPr fontId="2"/>
  </si>
  <si>
    <t>中原図書館</t>
    <rPh sb="0" eb="2">
      <t>ナカハラ</t>
    </rPh>
    <rPh sb="2" eb="5">
      <t>トショカン</t>
    </rPh>
    <phoneticPr fontId="2"/>
  </si>
  <si>
    <t>５階多目的トイレ、６階多目的トイレ</t>
    <rPh sb="1" eb="2">
      <t>カイ</t>
    </rPh>
    <rPh sb="2" eb="5">
      <t>タモクテキ</t>
    </rPh>
    <rPh sb="10" eb="11">
      <t>カイ</t>
    </rPh>
    <rPh sb="11" eb="14">
      <t>タモクテキ</t>
    </rPh>
    <phoneticPr fontId="2"/>
  </si>
  <si>
    <t>休館日
１　毎月第３月曜日(施設点検日)※祝休日にあたる場合は開館し、代わりに直後の平日を休館します。
２　館内特別整理期間
(蔵書点検など)
３　年末年始(１２月２９日～１月４日)※１２月２８日は午後５時閉館。
４　臨時休館がある場合は川崎市立図書館ホームページでお知らせします。</t>
    <rPh sb="0" eb="3">
      <t>キュウカンビ</t>
    </rPh>
    <rPh sb="6" eb="8">
      <t>マイゲツ</t>
    </rPh>
    <rPh sb="8" eb="9">
      <t>ダイ</t>
    </rPh>
    <rPh sb="54" eb="56">
      <t>カンナイ</t>
    </rPh>
    <rPh sb="109" eb="113">
      <t>リンジキュウカン</t>
    </rPh>
    <rPh sb="116" eb="118">
      <t>バアイ</t>
    </rPh>
    <rPh sb="119" eb="123">
      <t>カワサキシリツ</t>
    </rPh>
    <rPh sb="123" eb="126">
      <t>トショカン</t>
    </rPh>
    <rPh sb="134" eb="135">
      <t>シ</t>
    </rPh>
    <phoneticPr fontId="2"/>
  </si>
  <si>
    <t>青少年の家</t>
  </si>
  <si>
    <t>川崎市宮前区宮崎105-1</t>
  </si>
  <si>
    <t>１階多目的トイレ</t>
    <rPh sb="1" eb="2">
      <t>カイ</t>
    </rPh>
    <rPh sb="2" eb="5">
      <t>タモクテキ</t>
    </rPh>
    <phoneticPr fontId="2"/>
  </si>
  <si>
    <t>9:00～21:00</t>
  </si>
  <si>
    <t>川崎市立多摩病院</t>
    <rPh sb="0" eb="4">
      <t>カワサキシリツ</t>
    </rPh>
    <rPh sb="4" eb="8">
      <t>タマビョウイン</t>
    </rPh>
    <phoneticPr fontId="2"/>
  </si>
  <si>
    <t>川崎市多摩区宿河原1-30-37</t>
    <rPh sb="0" eb="9">
      <t>カワサキシタマクシュクガワラ</t>
    </rPh>
    <phoneticPr fontId="2"/>
  </si>
  <si>
    <t>東外来前バリアフリートイレ</t>
    <rPh sb="0" eb="4">
      <t>ヒガシガイライマエ</t>
    </rPh>
    <phoneticPr fontId="2"/>
  </si>
  <si>
    <t>川崎市多摩区枡形7-1-5生田緑地内</t>
    <rPh sb="0" eb="3">
      <t>カワサキシ</t>
    </rPh>
    <rPh sb="3" eb="6">
      <t>タマク</t>
    </rPh>
    <rPh sb="6" eb="8">
      <t>マスガタ</t>
    </rPh>
    <rPh sb="13" eb="15">
      <t>イクタ</t>
    </rPh>
    <rPh sb="15" eb="17">
      <t>リョクチ</t>
    </rPh>
    <rPh sb="17" eb="18">
      <t>ナイ</t>
    </rPh>
    <phoneticPr fontId="2"/>
  </si>
  <si>
    <t>川崎市高津区新作1-19-1</t>
    <rPh sb="0" eb="3">
      <t>カワサキシ</t>
    </rPh>
    <rPh sb="3" eb="6">
      <t>タカツク</t>
    </rPh>
    <rPh sb="6" eb="8">
      <t>シンサク</t>
    </rPh>
    <phoneticPr fontId="2"/>
  </si>
  <si>
    <t>川崎市宮前区東有馬4-6-1</t>
    <rPh sb="0" eb="3">
      <t>カワサキシ</t>
    </rPh>
    <rPh sb="3" eb="6">
      <t>ミヤマエク</t>
    </rPh>
    <rPh sb="6" eb="9">
      <t>ヒガシアリマ</t>
    </rPh>
    <phoneticPr fontId="2"/>
  </si>
  <si>
    <t>川崎市川崎区富士見1-1-4</t>
  </si>
  <si>
    <t>川崎市川崎区日進町5-1　川崎市複合福祉センタ-ふくふく</t>
    <rPh sb="3" eb="9">
      <t>カワサキクニッシンチョウ</t>
    </rPh>
    <rPh sb="13" eb="20">
      <t>カワサキシフクゴウフクシ</t>
    </rPh>
    <phoneticPr fontId="2"/>
  </si>
  <si>
    <t>川崎市幸区南幸町3-154-4</t>
    <rPh sb="0" eb="2">
      <t>カワサキ</t>
    </rPh>
    <rPh sb="2" eb="3">
      <t>シ</t>
    </rPh>
    <rPh sb="3" eb="5">
      <t>サイワイク</t>
    </rPh>
    <rPh sb="5" eb="6">
      <t>ミナミ</t>
    </rPh>
    <rPh sb="6" eb="7">
      <t>サイワイ</t>
    </rPh>
    <rPh sb="7" eb="8">
      <t>マチ</t>
    </rPh>
    <phoneticPr fontId="2"/>
  </si>
  <si>
    <t>川崎市中原区小杉町3-256</t>
    <rPh sb="0" eb="3">
      <t>カワサキシ</t>
    </rPh>
    <rPh sb="3" eb="6">
      <t>ナカハラク</t>
    </rPh>
    <rPh sb="6" eb="9">
      <t>コスギチョウ</t>
    </rPh>
    <phoneticPr fontId="2"/>
  </si>
  <si>
    <t>川崎市多摩区枡形7-1-2</t>
    <rPh sb="0" eb="6">
      <t>カワサキシタマク</t>
    </rPh>
    <rPh sb="6" eb="7">
      <t>マス</t>
    </rPh>
    <rPh sb="7" eb="8">
      <t>カタ</t>
    </rPh>
    <phoneticPr fontId="2"/>
  </si>
  <si>
    <t>川崎市麻生区万福寺1-5-2</t>
  </si>
  <si>
    <t>川崎市幸区戸手本町1-11-1</t>
    <rPh sb="0" eb="3">
      <t>カワサキシ</t>
    </rPh>
    <phoneticPr fontId="2"/>
  </si>
  <si>
    <t>川崎市幸区大宮町1310</t>
    <phoneticPr fontId="2"/>
  </si>
  <si>
    <t>9:00～21:30</t>
  </si>
  <si>
    <t>8:30～17:15</t>
  </si>
  <si>
    <t>9:00～21:00（第3月曜日ほか休館日を除く）</t>
    <rPh sb="11" eb="12">
      <t>ダイ</t>
    </rPh>
    <rPh sb="13" eb="16">
      <t>ゲツヨウビ</t>
    </rPh>
    <rPh sb="18" eb="21">
      <t>キュウカンビ</t>
    </rPh>
    <rPh sb="22" eb="23">
      <t>ノゾ</t>
    </rPh>
    <phoneticPr fontId="2"/>
  </si>
  <si>
    <t>9:00～21:30
（年末年始、第4月曜日除く）</t>
    <rPh sb="12" eb="14">
      <t>ネンマツ</t>
    </rPh>
    <rPh sb="14" eb="16">
      <t>ネンシ</t>
    </rPh>
    <rPh sb="17" eb="18">
      <t>ダイ</t>
    </rPh>
    <rPh sb="19" eb="22">
      <t>ゲツヨウビ</t>
    </rPh>
    <rPh sb="22" eb="23">
      <t>ノゾ</t>
    </rPh>
    <phoneticPr fontId="2"/>
  </si>
  <si>
    <t>休館日を除く9:30〜17:00
（休館日:毎週月曜日（祝祭日の場合は開館、翌火曜日は休館）
　　　　　　祝祭日の翌日（土日・祝日の場合は開館）
　　　　　　年末年始）</t>
    <rPh sb="0" eb="3">
      <t>キュウカンビ</t>
    </rPh>
    <rPh sb="4" eb="5">
      <t>ノゾ</t>
    </rPh>
    <rPh sb="18" eb="21">
      <t>キュウカンビ</t>
    </rPh>
    <phoneticPr fontId="2"/>
  </si>
  <si>
    <t>平日9:30～21:00、土日祝日9:30～17:00　休館日は備考のとおり</t>
    <rPh sb="0" eb="2">
      <t>ヘイジツ</t>
    </rPh>
    <rPh sb="13" eb="15">
      <t>ドニチ</t>
    </rPh>
    <rPh sb="15" eb="17">
      <t>シュクジツ</t>
    </rPh>
    <rPh sb="28" eb="31">
      <t>キュウカンヒ</t>
    </rPh>
    <rPh sb="32" eb="34">
      <t>ビコウ</t>
    </rPh>
    <phoneticPr fontId="2"/>
  </si>
  <si>
    <t>8:00～21:00</t>
  </si>
  <si>
    <t>市町村名</t>
    <rPh sb="0" eb="3">
      <t>シチョウソン</t>
    </rPh>
    <rPh sb="3" eb="4">
      <t>メイ</t>
    </rPh>
    <phoneticPr fontId="2"/>
  </si>
  <si>
    <t>川崎市川崎区渡田新町3-2-1</t>
    <rPh sb="0" eb="3">
      <t>カワサキシ</t>
    </rPh>
    <phoneticPr fontId="2"/>
  </si>
  <si>
    <t>設置場所</t>
    <rPh sb="0" eb="2">
      <t>セッチ</t>
    </rPh>
    <rPh sb="2" eb="4">
      <t>バショ</t>
    </rPh>
    <phoneticPr fontId="2"/>
  </si>
  <si>
    <t>利用可能日時</t>
    <rPh sb="0" eb="2">
      <t>リヨウ</t>
    </rPh>
    <rPh sb="2" eb="4">
      <t>カノウ</t>
    </rPh>
    <rPh sb="4" eb="6">
      <t>ニチジ</t>
    </rPh>
    <phoneticPr fontId="2"/>
  </si>
  <si>
    <t>川崎市</t>
  </si>
  <si>
    <t>大型のシート
（長さ150～180cm程度）</t>
    <rPh sb="0" eb="2">
      <t>オオガタ</t>
    </rPh>
    <rPh sb="8" eb="9">
      <t>ナガ</t>
    </rPh>
    <rPh sb="19" eb="21">
      <t>テイド</t>
    </rPh>
    <phoneticPr fontId="2"/>
  </si>
  <si>
    <t>開館日（平日午9:00～20:30、日曜・祝日9:00～16:30）
※月曜・年末年始を除く</t>
    <rPh sb="0" eb="3">
      <t>カイカンビ</t>
    </rPh>
    <rPh sb="4" eb="6">
      <t>ヘイジツ</t>
    </rPh>
    <rPh sb="36" eb="38">
      <t>ゲツヨウ</t>
    </rPh>
    <rPh sb="39" eb="41">
      <t>ネンマツ</t>
    </rPh>
    <rPh sb="41" eb="43">
      <t>ネンシ</t>
    </rPh>
    <rPh sb="44" eb="45">
      <t>ノゾ</t>
    </rPh>
    <phoneticPr fontId="2"/>
  </si>
  <si>
    <t>（利用可能日時）
平日8:30～17:00（1階については毎月第2第4土曜日8:30～12:30も利用可能)</t>
    <rPh sb="1" eb="6">
      <t>リヨウカノウヒ</t>
    </rPh>
    <rPh sb="6" eb="7">
      <t>ジ</t>
    </rPh>
    <rPh sb="9" eb="11">
      <t>ヘイジツ</t>
    </rPh>
    <rPh sb="23" eb="24">
      <t>カイ</t>
    </rPh>
    <phoneticPr fontId="2"/>
  </si>
  <si>
    <t>9:00～21:00
※毎月第3月曜日（祝日の時はその直後の休日でない日）及び年末年始（12月29日～1月3日）は休館日）
※設備点検のため臨時で休館する場合あり</t>
    <rPh sb="12" eb="14">
      <t>マイツキ</t>
    </rPh>
    <rPh sb="14" eb="15">
      <t>ダイ</t>
    </rPh>
    <rPh sb="16" eb="19">
      <t>ゲツヨウビ</t>
    </rPh>
    <rPh sb="20" eb="22">
      <t>シュクジツ</t>
    </rPh>
    <rPh sb="23" eb="24">
      <t>トキ</t>
    </rPh>
    <rPh sb="27" eb="29">
      <t>チョクゴ</t>
    </rPh>
    <rPh sb="30" eb="32">
      <t>キュウジツ</t>
    </rPh>
    <rPh sb="35" eb="36">
      <t>ヒ</t>
    </rPh>
    <rPh sb="37" eb="38">
      <t>オヨ</t>
    </rPh>
    <rPh sb="39" eb="41">
      <t>ネンマツ</t>
    </rPh>
    <rPh sb="41" eb="43">
      <t>ネンシ</t>
    </rPh>
    <rPh sb="46" eb="47">
      <t>ガツ</t>
    </rPh>
    <rPh sb="49" eb="50">
      <t>ニチ</t>
    </rPh>
    <rPh sb="52" eb="53">
      <t>ガツ</t>
    </rPh>
    <rPh sb="54" eb="55">
      <t>ニチ</t>
    </rPh>
    <rPh sb="57" eb="60">
      <t>キュウカンビ</t>
    </rPh>
    <rPh sb="63" eb="65">
      <t>セツビ</t>
    </rPh>
    <rPh sb="65" eb="67">
      <t>テンケン</t>
    </rPh>
    <rPh sb="70" eb="72">
      <t>リンジ</t>
    </rPh>
    <rPh sb="73" eb="75">
      <t>キュウカン</t>
    </rPh>
    <rPh sb="77" eb="79">
      <t>バアイ</t>
    </rPh>
    <phoneticPr fontId="2"/>
  </si>
  <si>
    <t>9:00～21:00（但し休館日＜第三月曜日及び12/29～1/3＞を除く）</t>
    <rPh sb="11" eb="12">
      <t>タダ</t>
    </rPh>
    <rPh sb="13" eb="16">
      <t>キュウカンビ</t>
    </rPh>
    <rPh sb="17" eb="19">
      <t>ダイサン</t>
    </rPh>
    <rPh sb="19" eb="22">
      <t>ゲツヨウビ</t>
    </rPh>
    <rPh sb="22" eb="23">
      <t>オヨ</t>
    </rPh>
    <rPh sb="35" eb="36">
      <t>ノゾ</t>
    </rPh>
    <phoneticPr fontId="2"/>
  </si>
  <si>
    <t>9:00～21:30
（年末年始、偶数月の第4月曜日除く）</t>
    <rPh sb="12" eb="14">
      <t>ネンマツ</t>
    </rPh>
    <rPh sb="14" eb="16">
      <t>ネンシ</t>
    </rPh>
    <rPh sb="17" eb="19">
      <t>グウスウ</t>
    </rPh>
    <rPh sb="19" eb="20">
      <t>ヅキ</t>
    </rPh>
    <rPh sb="21" eb="22">
      <t>ダイ</t>
    </rPh>
    <rPh sb="23" eb="26">
      <t>ゲツヨウビ</t>
    </rPh>
    <rPh sb="26" eb="27">
      <t>ノゾ</t>
    </rPh>
    <phoneticPr fontId="2"/>
  </si>
  <si>
    <t>川崎地域</t>
    <rPh sb="0" eb="2">
      <t>カワサキ</t>
    </rPh>
    <rPh sb="2" eb="4">
      <t>チイキ</t>
    </rPh>
    <phoneticPr fontId="2"/>
  </si>
  <si>
    <t>川崎市中原区小杉町3-1301</t>
    <rPh sb="0" eb="3">
      <t>カワサキシ</t>
    </rPh>
    <rPh sb="3" eb="6">
      <t>ナカハラク</t>
    </rPh>
    <rPh sb="6" eb="9">
      <t>コスギチョウ</t>
    </rPh>
    <phoneticPr fontId="2"/>
  </si>
  <si>
    <t>幸市民館</t>
  </si>
  <si>
    <t>１階ホワイエ</t>
  </si>
  <si>
    <t>9:00～21:00
（休館日は備考のとおり）</t>
    <rPh sb="12" eb="15">
      <t>キュウカンビ</t>
    </rPh>
    <rPh sb="16" eb="18">
      <t>ビコウ</t>
    </rPh>
    <phoneticPr fontId="2"/>
  </si>
  <si>
    <t>川崎市幸区戸手本町1－11－2</t>
    <phoneticPr fontId="2"/>
  </si>
  <si>
    <t>高津市民館</t>
    <phoneticPr fontId="2"/>
  </si>
  <si>
    <t>川崎市高津区溝口１－４－１　ノクティプラザ２　１１階</t>
    <phoneticPr fontId="2"/>
  </si>
  <si>
    <t>ノクティプラザ２の１１階の高津市民館受付</t>
    <phoneticPr fontId="2"/>
  </si>
  <si>
    <t>9:00～21:00 
（休館日は備考のとおり）</t>
    <phoneticPr fontId="2"/>
  </si>
  <si>
    <t>休館日
１　毎月第３月曜日※祝日の時はその直後の休日でない日
２　年末年始（12月29日～１月３日）
３　設備点検のため臨時で休館する場合があります。</t>
    <rPh sb="0" eb="3">
      <t>キュウカンビ</t>
    </rPh>
    <phoneticPr fontId="2"/>
  </si>
  <si>
    <t>１階バリアフリートイレ</t>
    <rPh sb="1" eb="2">
      <t>カイ</t>
    </rPh>
    <phoneticPr fontId="2"/>
  </si>
  <si>
    <t>各階多目的トイレ</t>
    <rPh sb="0" eb="2">
      <t>カクカイ</t>
    </rPh>
    <rPh sb="2" eb="5">
      <t>タモクテキ</t>
    </rPh>
    <phoneticPr fontId="2"/>
  </si>
  <si>
    <t>川崎市役所本庁舎</t>
    <rPh sb="0" eb="2">
      <t>カワサキ</t>
    </rPh>
    <rPh sb="2" eb="3">
      <t>シ</t>
    </rPh>
    <rPh sb="3" eb="5">
      <t>ヤクショ</t>
    </rPh>
    <rPh sb="5" eb="8">
      <t>ホンチョウシャ</t>
    </rPh>
    <phoneticPr fontId="2"/>
  </si>
  <si>
    <t>川崎市川崎区宮本町1</t>
  </si>
  <si>
    <t>川崎市役所第３庁舎</t>
    <rPh sb="0" eb="5">
      <t>カワサキシヤクショ</t>
    </rPh>
    <rPh sb="5" eb="6">
      <t>ダイ</t>
    </rPh>
    <rPh sb="7" eb="8">
      <t>チョウ</t>
    </rPh>
    <rPh sb="8" eb="9">
      <t>シャ</t>
    </rPh>
    <phoneticPr fontId="2"/>
  </si>
  <si>
    <t>川崎市川崎区東田町5ー4</t>
    <rPh sb="0" eb="3">
      <t>カワサキシ</t>
    </rPh>
    <rPh sb="3" eb="6">
      <t>カワサキク</t>
    </rPh>
    <rPh sb="6" eb="8">
      <t>ヒガシダ</t>
    </rPh>
    <rPh sb="8" eb="9">
      <t>マチ</t>
    </rPh>
    <phoneticPr fontId="2"/>
  </si>
  <si>
    <t>8:30～17:00（祝休日・12月29 日から1月3日を除く）</t>
    <phoneticPr fontId="2"/>
  </si>
  <si>
    <t>川崎区役所</t>
    <rPh sb="0" eb="5">
      <t>カワサキクヤクショ</t>
    </rPh>
    <phoneticPr fontId="2"/>
  </si>
  <si>
    <t>川崎市川崎区東田町8</t>
    <rPh sb="0" eb="3">
      <t>カワサキシ</t>
    </rPh>
    <rPh sb="3" eb="6">
      <t>カワサキク</t>
    </rPh>
    <rPh sb="6" eb="9">
      <t>ヒガシダチョウ</t>
    </rPh>
    <phoneticPr fontId="2"/>
  </si>
  <si>
    <t>2階多目的トイレ</t>
    <rPh sb="1" eb="2">
      <t>カイ</t>
    </rPh>
    <rPh sb="2" eb="5">
      <t>タモクテキ</t>
    </rPh>
    <phoneticPr fontId="2"/>
  </si>
  <si>
    <t>平日　8：30～17：15</t>
  </si>
  <si>
    <t>・要望があった場合に多目的トイレ内に折り畳み式ベッドを持ち込んで設置</t>
    <rPh sb="10" eb="13">
      <t>タモクテキ</t>
    </rPh>
    <rPh sb="18" eb="19">
      <t>オ</t>
    </rPh>
    <rPh sb="20" eb="21">
      <t>タタ</t>
    </rPh>
    <rPh sb="22" eb="23">
      <t>シキ</t>
    </rPh>
    <phoneticPr fontId="2"/>
  </si>
  <si>
    <t>川崎区役所大師支所</t>
    <rPh sb="0" eb="5">
      <t>カワサキクヤクショ</t>
    </rPh>
    <rPh sb="5" eb="9">
      <t>ダイシシショ</t>
    </rPh>
    <phoneticPr fontId="2"/>
  </si>
  <si>
    <t>川崎市川崎区台町26‐7</t>
    <rPh sb="0" eb="3">
      <t>カワサキシ</t>
    </rPh>
    <rPh sb="3" eb="6">
      <t>カワサキク</t>
    </rPh>
    <rPh sb="6" eb="8">
      <t>ダイマチ</t>
    </rPh>
    <phoneticPr fontId="2"/>
  </si>
  <si>
    <t>1階多目的トイレ</t>
    <rPh sb="1" eb="2">
      <t>カイ</t>
    </rPh>
    <phoneticPr fontId="2"/>
  </si>
  <si>
    <t>川崎区役所田島支所</t>
    <rPh sb="0" eb="5">
      <t>カワサキクヤクショ</t>
    </rPh>
    <rPh sb="5" eb="9">
      <t>タジマシショ</t>
    </rPh>
    <phoneticPr fontId="2"/>
  </si>
  <si>
    <t>川崎市川崎区田島町20‐23</t>
    <rPh sb="0" eb="3">
      <t>カワサキシ</t>
    </rPh>
    <rPh sb="3" eb="6">
      <t>カワサキク</t>
    </rPh>
    <rPh sb="6" eb="9">
      <t>タジマチョウ</t>
    </rPh>
    <phoneticPr fontId="2"/>
  </si>
  <si>
    <t>1階多目的トイレ</t>
    <rPh sb="1" eb="2">
      <t>カイ</t>
    </rPh>
    <rPh sb="2" eb="5">
      <t>タモクテキ</t>
    </rPh>
    <phoneticPr fontId="2"/>
  </si>
  <si>
    <t>夢見ヶ崎動物公園パークセンター</t>
    <phoneticPr fontId="2"/>
  </si>
  <si>
    <t>川崎市幸区南加瀬1－2－1</t>
    <rPh sb="0" eb="3">
      <t>カワサキシ</t>
    </rPh>
    <rPh sb="3" eb="5">
      <t>サイワイク</t>
    </rPh>
    <rPh sb="5" eb="8">
      <t>ミナミカセ</t>
    </rPh>
    <phoneticPr fontId="2"/>
  </si>
  <si>
    <t>9：00～16：00</t>
    <phoneticPr fontId="2"/>
  </si>
  <si>
    <t>川崎市総合自治会館</t>
    <rPh sb="0" eb="9">
      <t>カワサキシソウゴウジチカイカン</t>
    </rPh>
    <phoneticPr fontId="2"/>
  </si>
  <si>
    <t>川崎市中原区小杉町3－600　　コスギサードアヴェニュー4階</t>
    <rPh sb="0" eb="3">
      <t>カワサキシ</t>
    </rPh>
    <phoneticPr fontId="2"/>
  </si>
  <si>
    <t>月～土　9:00～17：00</t>
    <rPh sb="0" eb="1">
      <t>ゲツ</t>
    </rPh>
    <rPh sb="2" eb="3">
      <t>ド</t>
    </rPh>
    <phoneticPr fontId="2"/>
  </si>
  <si>
    <t>原則第３月曜日、年末年始、その他臨時の休館日有</t>
    <rPh sb="22" eb="23">
      <t>アリ</t>
    </rPh>
    <phoneticPr fontId="2"/>
  </si>
  <si>
    <t>宮前区役所向丘出張所</t>
    <rPh sb="0" eb="5">
      <t>ミヤマエクヤクショ</t>
    </rPh>
    <rPh sb="5" eb="7">
      <t>ムカイガオカ</t>
    </rPh>
    <rPh sb="7" eb="10">
      <t>シュッチョウジョ</t>
    </rPh>
    <phoneticPr fontId="2"/>
  </si>
  <si>
    <t>川崎市宮前区平1-10-1</t>
    <rPh sb="6" eb="7">
      <t>タイラ</t>
    </rPh>
    <phoneticPr fontId="2"/>
  </si>
  <si>
    <t>平日8:30～17:00</t>
    <rPh sb="0" eb="2">
      <t>ヘイジツ</t>
    </rPh>
    <phoneticPr fontId="2"/>
  </si>
  <si>
    <t>7:30～22:00（ただし、年末年始休業期間を除く）</t>
    <rPh sb="15" eb="19">
      <t>ネンマツネンシ</t>
    </rPh>
    <rPh sb="19" eb="21">
      <t>キュウギョウ</t>
    </rPh>
    <rPh sb="21" eb="23">
      <t>キカン</t>
    </rPh>
    <rPh sb="24" eb="25">
      <t>ノゾ</t>
    </rPh>
    <phoneticPr fontId="2"/>
  </si>
  <si>
    <t>Anker フロンタウン生田　Soundcore アリーナ屋外「みんなのトイレ」内</t>
    <rPh sb="40" eb="41">
      <t>ナイ</t>
    </rPh>
    <phoneticPr fontId="2"/>
  </si>
  <si>
    <t>川崎市多摩区生田1-1-1</t>
    <rPh sb="0" eb="3">
      <t>カワサキシ</t>
    </rPh>
    <rPh sb="3" eb="6">
      <t>タマク</t>
    </rPh>
    <rPh sb="6" eb="8">
      <t>イクタ</t>
    </rPh>
    <phoneticPr fontId="2"/>
  </si>
  <si>
    <t>Anker フロンタウン生田</t>
    <rPh sb="12" eb="14">
      <t>イクタ</t>
    </rPh>
    <phoneticPr fontId="2"/>
  </si>
  <si>
    <t>平日　8：30～17：00</t>
    <rPh sb="0" eb="2">
      <t>ヘイジツ</t>
    </rPh>
    <phoneticPr fontId="2"/>
  </si>
  <si>
    <t>１階　誰でもトイレ個室内</t>
    <rPh sb="1" eb="2">
      <t>カイ</t>
    </rPh>
    <rPh sb="3" eb="4">
      <t>ダレ</t>
    </rPh>
    <rPh sb="9" eb="12">
      <t>コシツナイ</t>
    </rPh>
    <phoneticPr fontId="2"/>
  </si>
  <si>
    <t>川崎市多摩区生田7‐16‐1</t>
    <rPh sb="0" eb="3">
      <t>カワサキシ</t>
    </rPh>
    <rPh sb="3" eb="6">
      <t>タマク</t>
    </rPh>
    <rPh sb="6" eb="8">
      <t>イクタ</t>
    </rPh>
    <phoneticPr fontId="2"/>
  </si>
  <si>
    <t>生田出張所</t>
    <rPh sb="0" eb="5">
      <t>イ</t>
    </rPh>
    <phoneticPr fontId="2"/>
  </si>
  <si>
    <t>１階バリアフリートイレ内</t>
    <rPh sb="1" eb="2">
      <t>カイ</t>
    </rPh>
    <rPh sb="11" eb="12">
      <t>ナイ</t>
    </rPh>
    <phoneticPr fontId="2"/>
  </si>
  <si>
    <t>麻生区役所</t>
    <rPh sb="0" eb="5">
      <t>アサオクヤクショ</t>
    </rPh>
    <phoneticPr fontId="2"/>
  </si>
  <si>
    <t>川崎市麻生区万福寺1－5ー1</t>
    <rPh sb="0" eb="6">
      <t>カワサキシアサオク</t>
    </rPh>
    <rPh sb="6" eb="9">
      <t>マンプクジ</t>
    </rPh>
    <phoneticPr fontId="2"/>
  </si>
  <si>
    <t>２階、３階多目的トイレ</t>
    <rPh sb="1" eb="2">
      <t>カイ</t>
    </rPh>
    <rPh sb="4" eb="5">
      <t>カイ</t>
    </rPh>
    <rPh sb="5" eb="8">
      <t>タモクテキ</t>
    </rPh>
    <phoneticPr fontId="2"/>
  </si>
  <si>
    <t>開庁時間と同じ</t>
    <rPh sb="0" eb="4">
      <t>カイチョウジカン</t>
    </rPh>
    <rPh sb="5" eb="6">
      <t>オナ</t>
    </rPh>
    <phoneticPr fontId="2"/>
  </si>
  <si>
    <t>麻生市民交流館やまゆり</t>
  </si>
  <si>
    <t>川崎市麻生区上麻生1-11-5</t>
  </si>
  <si>
    <t>月～金:　9:30～17:00
（休館日：年末年始・施設点検日）</t>
    <rPh sb="17" eb="20">
      <t>キュウカンビ</t>
    </rPh>
    <rPh sb="21" eb="23">
      <t>ネンマツ</t>
    </rPh>
    <rPh sb="23" eb="25">
      <t>ネンシ</t>
    </rPh>
    <rPh sb="26" eb="28">
      <t>シセツ</t>
    </rPh>
    <rPh sb="28" eb="31">
      <t>テンケンビ</t>
    </rPh>
    <phoneticPr fontId="2"/>
  </si>
  <si>
    <t>約60㎝×120cm</t>
  </si>
  <si>
    <r>
      <t>休館日
１　毎月第</t>
    </r>
    <r>
      <rPr>
        <sz val="11"/>
        <rFont val="Inherit"/>
        <family val="2"/>
      </rPr>
      <t>3</t>
    </r>
    <r>
      <rPr>
        <sz val="11"/>
        <rFont val="ＭＳ Ｐゴシック"/>
        <family val="3"/>
        <charset val="128"/>
      </rPr>
      <t>月曜日※祝休日もあたる場合は開館し、代わりに翌日が休館です。
２　年末年始
３　設備点検などにより、臨時に休館することがあります。</t>
    </r>
    <rPh sb="21" eb="23">
      <t>バアイ</t>
    </rPh>
    <rPh sb="24" eb="26">
      <t>カイカン</t>
    </rPh>
    <rPh sb="28" eb="29">
      <t>カ</t>
    </rPh>
    <rPh sb="43" eb="45">
      <t>ネンマツ</t>
    </rPh>
    <rPh sb="45" eb="47">
      <t>ネンシ</t>
    </rPh>
    <phoneticPr fontId="2"/>
  </si>
  <si>
    <t>シートの長さ１５０ｃｍ</t>
    <rPh sb="4" eb="5">
      <t>ナガ</t>
    </rPh>
    <phoneticPr fontId="2"/>
  </si>
  <si>
    <t>シートの寸法
118cm×60cm</t>
    <rPh sb="4" eb="6">
      <t>スンポウ</t>
    </rPh>
    <phoneticPr fontId="2"/>
  </si>
  <si>
    <t>復元棟１階
高層棟25階（展望ロビー・スカイデッキ）</t>
    <rPh sb="0" eb="3">
      <t>フクゲントウ</t>
    </rPh>
    <rPh sb="4" eb="5">
      <t>カイ</t>
    </rPh>
    <rPh sb="6" eb="8">
      <t>コウソウ</t>
    </rPh>
    <rPh sb="8" eb="9">
      <t>トウ</t>
    </rPh>
    <rPh sb="11" eb="12">
      <t>カイ</t>
    </rPh>
    <rPh sb="13" eb="15">
      <t>テンボウ</t>
    </rPh>
    <phoneticPr fontId="2"/>
  </si>
  <si>
    <t>復元棟１階　　年末年始を除く 8:30～21:00（土日祝日を含む）
高層棟２５階　年末年始を除く 9:00～21:00（土日祝日を含む）</t>
    <phoneticPr fontId="2"/>
  </si>
  <si>
    <t>高層棟２５階のトイレのユニバーサルシートは、トイレ内に常設していない。
利用する際は、２５階の警備員に声をかけて、利用する運用としている。</t>
    <phoneticPr fontId="2"/>
  </si>
  <si>
    <t>ユニバーサルシート（介助用大型ベッド）の設置場所（令和８年２月１日現在）</t>
    <rPh sb="10" eb="12">
      <t>カイジョ</t>
    </rPh>
    <rPh sb="12" eb="13">
      <t>ヨウ</t>
    </rPh>
    <rPh sb="13" eb="15">
      <t>オオガタ</t>
    </rPh>
    <rPh sb="20" eb="22">
      <t>セッチ</t>
    </rPh>
    <rPh sb="22" eb="24">
      <t>バショ</t>
    </rPh>
    <rPh sb="25" eb="27">
      <t>レイワ</t>
    </rPh>
    <rPh sb="28" eb="29">
      <t>ネン</t>
    </rPh>
    <rPh sb="30" eb="31">
      <t>ツキ</t>
    </rPh>
    <rPh sb="32" eb="33">
      <t>ニチ</t>
    </rPh>
    <rPh sb="33" eb="35">
      <t>ゲンザ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font>
      <sz val="12"/>
      <color theme="1"/>
      <name val="ＭＳ 明朝"/>
      <family val="2"/>
      <charset val="128"/>
    </font>
    <font>
      <sz val="11"/>
      <color theme="1"/>
      <name val="ＭＳ Ｐゴシック"/>
      <family val="2"/>
      <charset val="128"/>
      <scheme val="minor"/>
    </font>
    <font>
      <sz val="6"/>
      <name val="ＭＳ 明朝"/>
      <family val="2"/>
      <charset val="128"/>
    </font>
    <font>
      <sz val="6"/>
      <name val="ＭＳ Ｐゴシック"/>
      <family val="3"/>
      <charset val="128"/>
    </font>
    <font>
      <sz val="11"/>
      <name val="ＭＳ Ｐゴシック"/>
      <family val="3"/>
      <charset val="128"/>
      <scheme val="minor"/>
    </font>
    <font>
      <sz val="22"/>
      <name val="ＭＳ Ｐゴシック"/>
      <family val="2"/>
      <charset val="128"/>
      <scheme val="minor"/>
    </font>
    <font>
      <sz val="14"/>
      <name val="ＭＳ Ｐゴシック"/>
      <family val="3"/>
      <charset val="128"/>
      <scheme val="minor"/>
    </font>
    <font>
      <sz val="12"/>
      <name val="ＭＳ 明朝"/>
      <family val="2"/>
      <charset val="128"/>
    </font>
    <font>
      <sz val="11"/>
      <name val="ＭＳ Ｐゴシック"/>
      <family val="3"/>
      <charset val="128"/>
    </font>
    <font>
      <sz val="11"/>
      <name val="Inherit"/>
      <family val="2"/>
    </font>
  </fonts>
  <fills count="4">
    <fill>
      <patternFill patternType="none"/>
    </fill>
    <fill>
      <patternFill patternType="gray125"/>
    </fill>
    <fill>
      <patternFill patternType="solid">
        <fgColor theme="8" tint="0.59999389629810485"/>
        <bgColor indexed="64"/>
      </patternFill>
    </fill>
    <fill>
      <patternFill patternType="solid">
        <fgColor theme="0"/>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s>
  <cellStyleXfs count="6">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xf numFmtId="0" fontId="1" fillId="0" borderId="0">
      <alignment vertical="center"/>
    </xf>
  </cellStyleXfs>
  <cellXfs count="28">
    <xf numFmtId="0" fontId="0" fillId="0" borderId="0" xfId="0">
      <alignment vertical="center"/>
    </xf>
    <xf numFmtId="0" fontId="4" fillId="0" borderId="0" xfId="1" applyFont="1" applyFill="1" applyBorder="1" applyAlignment="1">
      <alignment horizontal="left" vertical="center"/>
    </xf>
    <xf numFmtId="0" fontId="4" fillId="0" borderId="0" xfId="1" applyFont="1" applyFill="1" applyBorder="1" applyAlignment="1">
      <alignment horizontal="left" vertical="center" wrapText="1"/>
    </xf>
    <xf numFmtId="0" fontId="4" fillId="0" borderId="0" xfId="1" applyFont="1" applyFill="1" applyAlignment="1">
      <alignment vertical="center"/>
    </xf>
    <xf numFmtId="0" fontId="4" fillId="0" borderId="0" xfId="1" applyFont="1" applyFill="1" applyAlignment="1">
      <alignment horizontal="left" vertical="center"/>
    </xf>
    <xf numFmtId="0" fontId="4" fillId="0" borderId="0" xfId="1" applyFont="1" applyFill="1" applyAlignment="1">
      <alignment horizontal="left" vertical="center" wrapText="1"/>
    </xf>
    <xf numFmtId="49" fontId="4" fillId="2" borderId="1" xfId="1" applyNumberFormat="1" applyFont="1" applyFill="1" applyBorder="1" applyAlignment="1">
      <alignment horizontal="center" vertical="center" wrapText="1" shrinkToFit="1"/>
    </xf>
    <xf numFmtId="0" fontId="4" fillId="0" borderId="0" xfId="1" applyFont="1" applyFill="1" applyAlignment="1">
      <alignment vertical="center" shrinkToFit="1"/>
    </xf>
    <xf numFmtId="0" fontId="4" fillId="3" borderId="1" xfId="1" applyFont="1" applyFill="1" applyBorder="1" applyAlignment="1" applyProtection="1">
      <alignment horizontal="center" vertical="center" wrapText="1"/>
      <protection locked="0"/>
    </xf>
    <xf numFmtId="0" fontId="4" fillId="3" borderId="1" xfId="1" applyFont="1" applyFill="1" applyBorder="1" applyAlignment="1" applyProtection="1">
      <alignment vertical="center" wrapText="1"/>
      <protection locked="0"/>
    </xf>
    <xf numFmtId="49" fontId="4" fillId="2" borderId="1" xfId="1" applyNumberFormat="1" applyFont="1" applyFill="1" applyBorder="1" applyAlignment="1">
      <alignment vertical="center" wrapText="1" shrinkToFit="1"/>
    </xf>
    <xf numFmtId="0" fontId="4" fillId="3" borderId="1" xfId="1" applyFont="1" applyFill="1" applyBorder="1" applyAlignment="1" applyProtection="1">
      <alignment vertical="center" wrapText="1" shrinkToFit="1"/>
      <protection locked="0"/>
    </xf>
    <xf numFmtId="0" fontId="5" fillId="0" borderId="0" xfId="1" applyFont="1" applyFill="1" applyBorder="1" applyAlignment="1">
      <alignment vertical="center"/>
    </xf>
    <xf numFmtId="0" fontId="6" fillId="0" borderId="0" xfId="1" applyFont="1" applyFill="1" applyBorder="1" applyAlignment="1">
      <alignment horizontal="right" vertical="center"/>
    </xf>
    <xf numFmtId="0" fontId="4" fillId="0" borderId="2" xfId="1" applyFont="1" applyFill="1" applyBorder="1" applyAlignment="1" applyProtection="1">
      <alignment horizontal="left" vertical="center" wrapText="1"/>
      <protection locked="0"/>
    </xf>
    <xf numFmtId="0" fontId="4" fillId="0" borderId="1" xfId="1" applyFont="1" applyFill="1" applyBorder="1" applyAlignment="1" applyProtection="1">
      <alignment horizontal="left" vertical="center" wrapText="1" shrinkToFit="1"/>
      <protection locked="0"/>
    </xf>
    <xf numFmtId="0" fontId="4" fillId="0" borderId="2" xfId="1" applyFont="1" applyFill="1" applyBorder="1" applyAlignment="1" applyProtection="1">
      <alignment horizontal="center" vertical="center" wrapText="1"/>
      <protection locked="0"/>
    </xf>
    <xf numFmtId="20" fontId="4" fillId="0" borderId="2" xfId="1" applyNumberFormat="1" applyFont="1" applyFill="1" applyBorder="1" applyAlignment="1" applyProtection="1">
      <alignment horizontal="left" vertical="center" wrapText="1"/>
      <protection locked="0"/>
    </xf>
    <xf numFmtId="0" fontId="4" fillId="0" borderId="1" xfId="1" applyFont="1" applyFill="1" applyBorder="1" applyAlignment="1">
      <alignment vertical="center"/>
    </xf>
    <xf numFmtId="0" fontId="4" fillId="0" borderId="1" xfId="1" applyFont="1" applyFill="1" applyBorder="1" applyAlignment="1">
      <alignment horizontal="left" vertical="center" wrapText="1"/>
    </xf>
    <xf numFmtId="0" fontId="4" fillId="0" borderId="1" xfId="1" applyFont="1" applyFill="1" applyBorder="1" applyAlignment="1">
      <alignment horizontal="left" vertical="center"/>
    </xf>
    <xf numFmtId="0" fontId="7" fillId="0" borderId="0" xfId="0" applyFont="1">
      <alignment vertical="center"/>
    </xf>
    <xf numFmtId="0" fontId="8" fillId="3" borderId="1" xfId="1" applyFont="1" applyFill="1" applyBorder="1" applyAlignment="1" applyProtection="1">
      <alignment vertical="center" wrapText="1"/>
      <protection locked="0"/>
    </xf>
    <xf numFmtId="0" fontId="4" fillId="0" borderId="1" xfId="5" applyFont="1" applyFill="1" applyBorder="1" applyAlignment="1" applyProtection="1">
      <alignment horizontal="left" vertical="center" wrapText="1" shrinkToFit="1"/>
      <protection locked="0"/>
    </xf>
    <xf numFmtId="0" fontId="4" fillId="0" borderId="2" xfId="5" applyFont="1" applyFill="1" applyBorder="1" applyAlignment="1" applyProtection="1">
      <alignment horizontal="center" vertical="center" wrapText="1"/>
      <protection locked="0"/>
    </xf>
    <xf numFmtId="0" fontId="4" fillId="0" borderId="1" xfId="5" applyFont="1" applyFill="1" applyBorder="1" applyAlignment="1">
      <alignment horizontal="left" vertical="center" wrapText="1"/>
    </xf>
    <xf numFmtId="0" fontId="4" fillId="0" borderId="2" xfId="5" applyFont="1" applyFill="1" applyBorder="1" applyAlignment="1" applyProtection="1">
      <alignment horizontal="left" vertical="center" wrapText="1"/>
      <protection locked="0"/>
    </xf>
    <xf numFmtId="0" fontId="4" fillId="0" borderId="1" xfId="5" applyFont="1" applyFill="1" applyBorder="1" applyAlignment="1">
      <alignment horizontal="left" vertical="center"/>
    </xf>
  </cellXfs>
  <cellStyles count="6">
    <cellStyle name="桁区切り 2 2" xfId="4" xr:uid="{00000000-0005-0000-0000-000000000000}"/>
    <cellStyle name="標準" xfId="0" builtinId="0"/>
    <cellStyle name="標準 2" xfId="2" xr:uid="{00000000-0005-0000-0000-000002000000}"/>
    <cellStyle name="標準 3" xfId="1" xr:uid="{00000000-0005-0000-0000-000003000000}"/>
    <cellStyle name="標準 3 2" xfId="3" xr:uid="{00000000-0005-0000-0000-000004000000}"/>
    <cellStyle name="標準 3 2 2" xfId="5" xr:uid="{00000000-0005-0000-0000-000005000000}"/>
  </cellStyles>
  <dxfs count="7">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H35"/>
  <sheetViews>
    <sheetView tabSelected="1" view="pageBreakPreview" zoomScale="85" zoomScaleNormal="80" zoomScaleSheetLayoutView="85" workbookViewId="0">
      <selection activeCell="B4" sqref="B4"/>
    </sheetView>
  </sheetViews>
  <sheetFormatPr defaultColWidth="9" defaultRowHeight="13.2"/>
  <cols>
    <col min="1" max="1" width="3.5" style="7" bestFit="1" customWidth="1"/>
    <col min="2" max="2" width="36.19921875" style="5" customWidth="1"/>
    <col min="3" max="3" width="14.5" style="4" customWidth="1"/>
    <col min="4" max="4" width="11" style="4" bestFit="1" customWidth="1"/>
    <col min="5" max="5" width="51.59765625" style="4" bestFit="1" customWidth="1"/>
    <col min="6" max="6" width="39.3984375" style="4" customWidth="1"/>
    <col min="7" max="7" width="70.19921875" style="4" customWidth="1"/>
    <col min="8" max="8" width="22.8984375" style="4" customWidth="1"/>
    <col min="9" max="16384" width="9" style="3"/>
  </cols>
  <sheetData>
    <row r="1" spans="1:8" ht="25.8">
      <c r="A1" s="3"/>
      <c r="B1" s="12" t="s">
        <v>140</v>
      </c>
      <c r="C1" s="1"/>
      <c r="D1" s="1"/>
      <c r="E1" s="1"/>
      <c r="F1" s="1"/>
      <c r="G1" s="1"/>
      <c r="H1" s="13" t="s">
        <v>78</v>
      </c>
    </row>
    <row r="2" spans="1:8" ht="10.5" customHeight="1">
      <c r="A2" s="3"/>
      <c r="B2" s="2"/>
      <c r="C2" s="1"/>
      <c r="D2" s="1"/>
      <c r="E2" s="1"/>
      <c r="F2" s="1"/>
      <c r="G2" s="1"/>
      <c r="H2" s="1"/>
    </row>
    <row r="3" spans="1:8" ht="39.75" customHeight="1">
      <c r="B3" s="10" t="s">
        <v>0</v>
      </c>
      <c r="C3" s="10" t="s">
        <v>72</v>
      </c>
      <c r="D3" s="6" t="s">
        <v>67</v>
      </c>
      <c r="E3" s="10" t="s">
        <v>1</v>
      </c>
      <c r="F3" s="10" t="s">
        <v>69</v>
      </c>
      <c r="G3" s="10" t="s">
        <v>70</v>
      </c>
      <c r="H3" s="10" t="s">
        <v>2</v>
      </c>
    </row>
    <row r="4" spans="1:8" ht="82.8" customHeight="1">
      <c r="A4" s="3"/>
      <c r="B4" s="15" t="s">
        <v>91</v>
      </c>
      <c r="C4" s="16" t="s">
        <v>4</v>
      </c>
      <c r="D4" s="8" t="s">
        <v>71</v>
      </c>
      <c r="E4" s="14" t="s">
        <v>92</v>
      </c>
      <c r="F4" s="14" t="s">
        <v>137</v>
      </c>
      <c r="G4" s="17" t="s">
        <v>138</v>
      </c>
      <c r="H4" s="14" t="s">
        <v>139</v>
      </c>
    </row>
    <row r="5" spans="1:8" ht="34.5" customHeight="1">
      <c r="A5" s="3"/>
      <c r="B5" s="18" t="s">
        <v>93</v>
      </c>
      <c r="C5" s="16" t="s">
        <v>4</v>
      </c>
      <c r="D5" s="8" t="s">
        <v>71</v>
      </c>
      <c r="E5" s="19" t="s">
        <v>94</v>
      </c>
      <c r="F5" s="14" t="s">
        <v>35</v>
      </c>
      <c r="G5" s="14" t="s">
        <v>95</v>
      </c>
      <c r="H5" s="14"/>
    </row>
    <row r="6" spans="1:8" ht="39.75" customHeight="1">
      <c r="A6" s="3"/>
      <c r="B6" s="15" t="s">
        <v>96</v>
      </c>
      <c r="C6" s="16" t="s">
        <v>4</v>
      </c>
      <c r="D6" s="8" t="s">
        <v>71</v>
      </c>
      <c r="E6" s="14" t="s">
        <v>97</v>
      </c>
      <c r="F6" s="14" t="s">
        <v>98</v>
      </c>
      <c r="G6" s="14" t="s">
        <v>99</v>
      </c>
      <c r="H6" s="14" t="s">
        <v>100</v>
      </c>
    </row>
    <row r="7" spans="1:8" ht="39.75" customHeight="1">
      <c r="A7" s="3"/>
      <c r="B7" s="15" t="s">
        <v>101</v>
      </c>
      <c r="C7" s="16" t="s">
        <v>4</v>
      </c>
      <c r="D7" s="8" t="s">
        <v>71</v>
      </c>
      <c r="E7" s="14" t="s">
        <v>102</v>
      </c>
      <c r="F7" s="14" t="s">
        <v>103</v>
      </c>
      <c r="G7" s="14" t="s">
        <v>99</v>
      </c>
      <c r="H7" s="14"/>
    </row>
    <row r="8" spans="1:8" ht="39.75" customHeight="1">
      <c r="A8" s="3"/>
      <c r="B8" s="15" t="s">
        <v>104</v>
      </c>
      <c r="C8" s="16" t="s">
        <v>4</v>
      </c>
      <c r="D8" s="8" t="s">
        <v>71</v>
      </c>
      <c r="E8" s="14" t="s">
        <v>105</v>
      </c>
      <c r="F8" s="14" t="s">
        <v>106</v>
      </c>
      <c r="G8" s="14" t="s">
        <v>99</v>
      </c>
      <c r="H8" s="14"/>
    </row>
    <row r="9" spans="1:8" ht="29.25" customHeight="1">
      <c r="A9" s="3"/>
      <c r="B9" s="11" t="s">
        <v>9</v>
      </c>
      <c r="C9" s="8" t="s">
        <v>4</v>
      </c>
      <c r="D9" s="8" t="s">
        <v>71</v>
      </c>
      <c r="E9" s="9" t="s">
        <v>68</v>
      </c>
      <c r="F9" s="9" t="s">
        <v>8</v>
      </c>
      <c r="G9" s="9" t="s">
        <v>73</v>
      </c>
      <c r="H9" s="9"/>
    </row>
    <row r="10" spans="1:8" ht="29.25" customHeight="1">
      <c r="A10" s="3"/>
      <c r="B10" s="11" t="s">
        <v>10</v>
      </c>
      <c r="C10" s="8" t="s">
        <v>4</v>
      </c>
      <c r="D10" s="8" t="s">
        <v>71</v>
      </c>
      <c r="E10" s="9" t="s">
        <v>53</v>
      </c>
      <c r="F10" s="9" t="s">
        <v>11</v>
      </c>
      <c r="G10" s="9" t="s">
        <v>7</v>
      </c>
      <c r="H10" s="9"/>
    </row>
    <row r="11" spans="1:8" ht="29.25" customHeight="1">
      <c r="A11" s="3"/>
      <c r="B11" s="11" t="s">
        <v>13</v>
      </c>
      <c r="C11" s="8" t="s">
        <v>4</v>
      </c>
      <c r="D11" s="8" t="s">
        <v>71</v>
      </c>
      <c r="E11" s="9" t="s">
        <v>52</v>
      </c>
      <c r="F11" s="9" t="s">
        <v>14</v>
      </c>
      <c r="G11" s="9" t="s">
        <v>77</v>
      </c>
      <c r="H11" s="9"/>
    </row>
    <row r="12" spans="1:8" ht="34.5" customHeight="1">
      <c r="A12" s="3"/>
      <c r="B12" s="19" t="s">
        <v>107</v>
      </c>
      <c r="C12" s="16" t="s">
        <v>4</v>
      </c>
      <c r="D12" s="8" t="s">
        <v>71</v>
      </c>
      <c r="E12" s="19" t="s">
        <v>108</v>
      </c>
      <c r="F12" s="20" t="s">
        <v>30</v>
      </c>
      <c r="G12" s="20" t="s">
        <v>109</v>
      </c>
      <c r="H12" s="20"/>
    </row>
    <row r="13" spans="1:8" ht="29.25" customHeight="1">
      <c r="A13" s="3"/>
      <c r="B13" s="11" t="s">
        <v>5</v>
      </c>
      <c r="C13" s="8" t="s">
        <v>4</v>
      </c>
      <c r="D13" s="8" t="s">
        <v>71</v>
      </c>
      <c r="E13" s="9" t="s">
        <v>54</v>
      </c>
      <c r="F13" s="9" t="s">
        <v>89</v>
      </c>
      <c r="G13" s="9" t="s">
        <v>7</v>
      </c>
      <c r="H13" s="9"/>
    </row>
    <row r="14" spans="1:8" ht="29.25" customHeight="1">
      <c r="A14" s="3"/>
      <c r="B14" s="11" t="s">
        <v>12</v>
      </c>
      <c r="C14" s="8" t="s">
        <v>4</v>
      </c>
      <c r="D14" s="8" t="s">
        <v>71</v>
      </c>
      <c r="E14" s="9" t="s">
        <v>58</v>
      </c>
      <c r="F14" s="9" t="s">
        <v>90</v>
      </c>
      <c r="G14" s="9" t="s">
        <v>74</v>
      </c>
      <c r="H14" s="9" t="s">
        <v>135</v>
      </c>
    </row>
    <row r="15" spans="1:8" ht="39.6">
      <c r="A15" s="3"/>
      <c r="B15" s="11" t="s">
        <v>26</v>
      </c>
      <c r="C15" s="8" t="s">
        <v>3</v>
      </c>
      <c r="D15" s="8" t="s">
        <v>71</v>
      </c>
      <c r="E15" s="9" t="s">
        <v>59</v>
      </c>
      <c r="F15" s="9" t="s">
        <v>27</v>
      </c>
      <c r="G15" s="9" t="s">
        <v>28</v>
      </c>
      <c r="H15" s="9"/>
    </row>
    <row r="16" spans="1:8" s="21" customFormat="1" ht="93">
      <c r="B16" s="11" t="s">
        <v>80</v>
      </c>
      <c r="C16" s="8" t="s">
        <v>4</v>
      </c>
      <c r="D16" s="8" t="s">
        <v>71</v>
      </c>
      <c r="E16" s="9" t="s">
        <v>83</v>
      </c>
      <c r="F16" s="9" t="s">
        <v>81</v>
      </c>
      <c r="G16" s="9" t="s">
        <v>82</v>
      </c>
      <c r="H16" s="22" t="s">
        <v>134</v>
      </c>
    </row>
    <row r="17" spans="1:8" ht="29.25" customHeight="1">
      <c r="A17" s="3"/>
      <c r="B17" s="11" t="s">
        <v>6</v>
      </c>
      <c r="C17" s="8" t="s">
        <v>3</v>
      </c>
      <c r="D17" s="8" t="s">
        <v>71</v>
      </c>
      <c r="E17" s="9" t="s">
        <v>55</v>
      </c>
      <c r="F17" s="9" t="s">
        <v>89</v>
      </c>
      <c r="G17" s="9" t="s">
        <v>7</v>
      </c>
      <c r="H17" s="9"/>
    </row>
    <row r="18" spans="1:8" ht="29.25" customHeight="1">
      <c r="A18" s="3"/>
      <c r="B18" s="11" t="s">
        <v>15</v>
      </c>
      <c r="C18" s="8" t="s">
        <v>4</v>
      </c>
      <c r="D18" s="8" t="s">
        <v>71</v>
      </c>
      <c r="E18" s="9" t="s">
        <v>16</v>
      </c>
      <c r="F18" s="9" t="s">
        <v>17</v>
      </c>
      <c r="G18" s="9" t="s">
        <v>61</v>
      </c>
      <c r="H18" s="9"/>
    </row>
    <row r="19" spans="1:8" ht="34.5" customHeight="1">
      <c r="A19" s="3"/>
      <c r="B19" s="15" t="s">
        <v>110</v>
      </c>
      <c r="C19" s="16" t="s">
        <v>4</v>
      </c>
      <c r="D19" s="8" t="s">
        <v>71</v>
      </c>
      <c r="E19" s="14" t="s">
        <v>111</v>
      </c>
      <c r="F19" s="14" t="s">
        <v>8</v>
      </c>
      <c r="G19" s="14" t="s">
        <v>112</v>
      </c>
      <c r="H19" s="14" t="s">
        <v>113</v>
      </c>
    </row>
    <row r="20" spans="1:8" ht="171.6">
      <c r="A20" s="3"/>
      <c r="B20" s="11" t="s">
        <v>39</v>
      </c>
      <c r="C20" s="8" t="s">
        <v>4</v>
      </c>
      <c r="D20" s="8" t="s">
        <v>71</v>
      </c>
      <c r="E20" s="9" t="s">
        <v>79</v>
      </c>
      <c r="F20" s="9" t="s">
        <v>40</v>
      </c>
      <c r="G20" s="9" t="s">
        <v>65</v>
      </c>
      <c r="H20" s="9" t="s">
        <v>41</v>
      </c>
    </row>
    <row r="21" spans="1:8" ht="29.25" customHeight="1">
      <c r="A21" s="3"/>
      <c r="B21" s="11" t="s">
        <v>24</v>
      </c>
      <c r="C21" s="8" t="s">
        <v>3</v>
      </c>
      <c r="D21" s="8" t="s">
        <v>71</v>
      </c>
      <c r="E21" s="9" t="s">
        <v>50</v>
      </c>
      <c r="F21" s="9" t="s">
        <v>25</v>
      </c>
      <c r="G21" s="9" t="s">
        <v>60</v>
      </c>
      <c r="H21" s="9"/>
    </row>
    <row r="22" spans="1:8" ht="105.6">
      <c r="A22" s="3"/>
      <c r="B22" s="11" t="s">
        <v>84</v>
      </c>
      <c r="C22" s="8" t="s">
        <v>4</v>
      </c>
      <c r="D22" s="8" t="s">
        <v>71</v>
      </c>
      <c r="E22" s="9" t="s">
        <v>85</v>
      </c>
      <c r="F22" s="9" t="s">
        <v>86</v>
      </c>
      <c r="G22" s="9" t="s">
        <v>87</v>
      </c>
      <c r="H22" s="9" t="s">
        <v>88</v>
      </c>
    </row>
    <row r="23" spans="1:8" ht="29.25" customHeight="1">
      <c r="A23" s="3"/>
      <c r="B23" s="11" t="s">
        <v>37</v>
      </c>
      <c r="C23" s="8" t="s">
        <v>4</v>
      </c>
      <c r="D23" s="8" t="s">
        <v>71</v>
      </c>
      <c r="E23" s="9" t="s">
        <v>51</v>
      </c>
      <c r="F23" s="9" t="s">
        <v>38</v>
      </c>
      <c r="G23" s="9" t="s">
        <v>76</v>
      </c>
      <c r="H23" s="9"/>
    </row>
    <row r="24" spans="1:8" ht="29.25" customHeight="1">
      <c r="A24" s="3"/>
      <c r="B24" s="11" t="s">
        <v>42</v>
      </c>
      <c r="C24" s="8" t="s">
        <v>3</v>
      </c>
      <c r="D24" s="8" t="s">
        <v>71</v>
      </c>
      <c r="E24" s="9" t="s">
        <v>43</v>
      </c>
      <c r="F24" s="9" t="s">
        <v>44</v>
      </c>
      <c r="G24" s="9" t="s">
        <v>45</v>
      </c>
      <c r="H24" s="9"/>
    </row>
    <row r="25" spans="1:8" ht="34.5" customHeight="1">
      <c r="A25" s="3"/>
      <c r="B25" s="19" t="s">
        <v>114</v>
      </c>
      <c r="C25" s="16" t="s">
        <v>4</v>
      </c>
      <c r="D25" s="8" t="s">
        <v>71</v>
      </c>
      <c r="E25" s="14" t="s">
        <v>115</v>
      </c>
      <c r="F25" s="14" t="s">
        <v>44</v>
      </c>
      <c r="G25" s="14" t="s">
        <v>116</v>
      </c>
      <c r="H25" s="14"/>
    </row>
    <row r="26" spans="1:8" ht="29.25" customHeight="1">
      <c r="A26" s="3"/>
      <c r="B26" s="11" t="s">
        <v>18</v>
      </c>
      <c r="C26" s="8" t="s">
        <v>3</v>
      </c>
      <c r="D26" s="8" t="s">
        <v>71</v>
      </c>
      <c r="E26" s="9" t="s">
        <v>49</v>
      </c>
      <c r="F26" s="9" t="s">
        <v>19</v>
      </c>
      <c r="G26" s="9" t="s">
        <v>20</v>
      </c>
      <c r="H26" s="9"/>
    </row>
    <row r="27" spans="1:8" ht="29.25" customHeight="1">
      <c r="A27" s="3"/>
      <c r="B27" s="15" t="s">
        <v>120</v>
      </c>
      <c r="C27" s="16" t="s">
        <v>4</v>
      </c>
      <c r="D27" s="8" t="s">
        <v>71</v>
      </c>
      <c r="E27" s="14" t="s">
        <v>119</v>
      </c>
      <c r="F27" s="14" t="s">
        <v>118</v>
      </c>
      <c r="G27" s="14" t="s">
        <v>117</v>
      </c>
      <c r="H27" s="14"/>
    </row>
    <row r="28" spans="1:8" ht="29.25" customHeight="1">
      <c r="A28" s="3"/>
      <c r="B28" s="15" t="s">
        <v>124</v>
      </c>
      <c r="C28" s="16" t="s">
        <v>4</v>
      </c>
      <c r="D28" s="8" t="s">
        <v>71</v>
      </c>
      <c r="E28" s="14" t="s">
        <v>123</v>
      </c>
      <c r="F28" s="14" t="s">
        <v>122</v>
      </c>
      <c r="G28" s="14" t="s">
        <v>121</v>
      </c>
      <c r="H28" s="14"/>
    </row>
    <row r="29" spans="1:8" ht="29.25" customHeight="1">
      <c r="A29" s="3"/>
      <c r="B29" s="11" t="s">
        <v>21</v>
      </c>
      <c r="C29" s="8" t="s">
        <v>3</v>
      </c>
      <c r="D29" s="8" t="s">
        <v>71</v>
      </c>
      <c r="E29" s="9" t="s">
        <v>22</v>
      </c>
      <c r="F29" s="9" t="s">
        <v>23</v>
      </c>
      <c r="G29" s="9" t="s">
        <v>63</v>
      </c>
      <c r="H29" s="9" t="s">
        <v>136</v>
      </c>
    </row>
    <row r="30" spans="1:8" ht="52.8">
      <c r="A30" s="3"/>
      <c r="B30" s="11" t="s">
        <v>29</v>
      </c>
      <c r="C30" s="8" t="s">
        <v>3</v>
      </c>
      <c r="D30" s="8" t="s">
        <v>71</v>
      </c>
      <c r="E30" s="9" t="s">
        <v>56</v>
      </c>
      <c r="F30" s="14" t="s">
        <v>125</v>
      </c>
      <c r="G30" s="9" t="s">
        <v>64</v>
      </c>
      <c r="H30" s="9"/>
    </row>
    <row r="31" spans="1:8" ht="52.8">
      <c r="A31" s="3"/>
      <c r="B31" s="11" t="s">
        <v>31</v>
      </c>
      <c r="C31" s="8" t="s">
        <v>4</v>
      </c>
      <c r="D31" s="8" t="s">
        <v>71</v>
      </c>
      <c r="E31" s="9" t="s">
        <v>32</v>
      </c>
      <c r="F31" s="9" t="s">
        <v>33</v>
      </c>
      <c r="G31" s="9" t="s">
        <v>75</v>
      </c>
      <c r="H31" s="9"/>
    </row>
    <row r="32" spans="1:8" ht="29.25" customHeight="1">
      <c r="A32" s="3"/>
      <c r="B32" s="11" t="s">
        <v>46</v>
      </c>
      <c r="C32" s="8" t="s">
        <v>4</v>
      </c>
      <c r="D32" s="8" t="s">
        <v>71</v>
      </c>
      <c r="E32" s="9" t="s">
        <v>47</v>
      </c>
      <c r="F32" s="9" t="s">
        <v>48</v>
      </c>
      <c r="G32" s="9" t="s">
        <v>66</v>
      </c>
      <c r="H32" s="9"/>
    </row>
    <row r="33" spans="1:8" ht="34.5" customHeight="1">
      <c r="A33" s="3"/>
      <c r="B33" s="15" t="s">
        <v>126</v>
      </c>
      <c r="C33" s="16" t="s">
        <v>4</v>
      </c>
      <c r="D33" s="8" t="s">
        <v>71</v>
      </c>
      <c r="E33" s="14" t="s">
        <v>127</v>
      </c>
      <c r="F33" s="14" t="s">
        <v>128</v>
      </c>
      <c r="G33" s="14" t="s">
        <v>129</v>
      </c>
      <c r="H33" s="14"/>
    </row>
    <row r="34" spans="1:8" ht="29.25" customHeight="1">
      <c r="A34" s="3"/>
      <c r="B34" s="11" t="s">
        <v>34</v>
      </c>
      <c r="C34" s="8" t="s">
        <v>4</v>
      </c>
      <c r="D34" s="8" t="s">
        <v>71</v>
      </c>
      <c r="E34" s="9" t="s">
        <v>57</v>
      </c>
      <c r="F34" s="9" t="s">
        <v>35</v>
      </c>
      <c r="G34" s="9" t="s">
        <v>62</v>
      </c>
      <c r="H34" s="9" t="s">
        <v>36</v>
      </c>
    </row>
    <row r="35" spans="1:8" ht="34.5" customHeight="1">
      <c r="A35" s="3"/>
      <c r="B35" s="23" t="s">
        <v>130</v>
      </c>
      <c r="C35" s="24" t="s">
        <v>4</v>
      </c>
      <c r="D35" s="8" t="s">
        <v>71</v>
      </c>
      <c r="E35" s="25" t="s">
        <v>131</v>
      </c>
      <c r="F35" s="26" t="s">
        <v>44</v>
      </c>
      <c r="G35" s="25" t="s">
        <v>132</v>
      </c>
      <c r="H35" s="27" t="s">
        <v>133</v>
      </c>
    </row>
  </sheetData>
  <sheetProtection formatCells="0" formatColumns="0" formatRows="0" insertColumns="0" insertRows="0" insertHyperlinks="0" deleteColumns="0" deleteRows="0" selectLockedCells="1" sort="0" autoFilter="0" pivotTables="0"/>
  <autoFilter ref="A3:H34" xr:uid="{00000000-0009-0000-0000-000000000000}"/>
  <phoneticPr fontId="2"/>
  <conditionalFormatting sqref="C4:C8">
    <cfRule type="expression" dxfId="6" priority="11">
      <formula>#REF!&lt;&gt;"○"</formula>
    </cfRule>
  </conditionalFormatting>
  <conditionalFormatting sqref="E4:H4 F5:H5">
    <cfRule type="expression" dxfId="5" priority="9">
      <formula>$C4&lt;&gt;"○"</formula>
    </cfRule>
  </conditionalFormatting>
  <conditionalFormatting sqref="E19:H19">
    <cfRule type="expression" dxfId="4" priority="6">
      <formula>#REF!&lt;&gt;"○"</formula>
    </cfRule>
  </conditionalFormatting>
  <conditionalFormatting sqref="E25:H25">
    <cfRule type="expression" dxfId="3" priority="5">
      <formula>#REF!&lt;&gt;"○"</formula>
    </cfRule>
  </conditionalFormatting>
  <conditionalFormatting sqref="E27:H28">
    <cfRule type="expression" dxfId="2" priority="3">
      <formula>#REF!&lt;&gt;"○"</formula>
    </cfRule>
  </conditionalFormatting>
  <conditionalFormatting sqref="E33:H33">
    <cfRule type="expression" dxfId="1" priority="1">
      <formula>#REF!&lt;&gt;"○"</formula>
    </cfRule>
  </conditionalFormatting>
  <conditionalFormatting sqref="F30">
    <cfRule type="expression" dxfId="0" priority="2">
      <formula>#REF!&lt;&gt;"○"</formula>
    </cfRule>
  </conditionalFormatting>
  <dataValidations count="3">
    <dataValidation imeMode="hiragana" allowBlank="1" showInputMessage="1" showErrorMessage="1" sqref="B4 E4 F4:H5 B6:B8 E6:H8 B19 E19:H19 E25:H25 E27:H28 B27:B28 F30 B33 E33:H33" xr:uid="{00000000-0002-0000-0000-000000000000}"/>
    <dataValidation type="list" allowBlank="1" showInputMessage="1" showErrorMessage="1" sqref="C4:C8 C12 C19 C25 C27:C28 C33" xr:uid="{00000000-0002-0000-0000-000001000000}">
      <formula1>"○,×"</formula1>
    </dataValidation>
    <dataValidation type="list" allowBlank="1" showInputMessage="1" showErrorMessage="1" sqref="B35" xr:uid="{00000000-0002-0000-0000-000002000000}">
      <formula1>"政策局,総務局,くらし安全防災局,国際文化観光局,スポーツ局,環境農政局,福祉子どもみらい局,健康医療局,産業労働局,県土整備局,企業局,教育局,警察本部"</formula1>
    </dataValidation>
  </dataValidations>
  <printOptions horizontalCentered="1"/>
  <pageMargins left="0.70866141732283472" right="0.70866141732283472" top="0.74803149606299213" bottom="0.74803149606299213" header="0.31496062992125984" footer="0.31496062992125984"/>
  <pageSetup paperSize="8" scale="70" fitToWidth="0" fitToHeight="0" orientation="landscape" cellComments="asDisplayed"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川崎地域</vt:lpstr>
      <vt:lpstr>川崎地域!Print_Area</vt:lpstr>
      <vt:lpstr>川崎地域!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田直人</dc:creator>
  <cp:lastModifiedBy>user</cp:lastModifiedBy>
  <cp:lastPrinted>2025-01-09T16:03:36Z</cp:lastPrinted>
  <dcterms:created xsi:type="dcterms:W3CDTF">2022-03-28T23:58:14Z</dcterms:created>
  <dcterms:modified xsi:type="dcterms:W3CDTF">2026-02-09T08:24:58Z</dcterms:modified>
</cp:coreProperties>
</file>